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FB4B7B" w:rsidRDefault="00B2400D">
      <w:r>
        <w:rPr>
          <w:noProof/>
        </w:rPr>
        <w:drawing>
          <wp:inline distT="0" distB="0" distL="0" distR="0">
            <wp:extent cx="5759450" cy="8146322"/>
            <wp:effectExtent l="0" t="0" r="0" b="7620"/>
            <wp:docPr id="2" name="圖片 2" descr="C:\Users\s1032547\AppData\Local\Microsoft\Windows\Temporary Internet Files\Content.IE5\FGV3O1AF\A11061800F0000000_A11060000F_10600079280A0C_ATTCH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032547\AppData\Local\Microsoft\Windows\Temporary Internet Files\Content.IE5\FGV3O1AF\A11061800F0000000_A11060000F_10600079280A0C_ATTCH5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9450" cy="81463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FB4B7B" w:rsidSect="00AB5C63">
      <w:pgSz w:w="11906" w:h="16838" w:code="9"/>
      <w:pgMar w:top="1474" w:right="1418" w:bottom="1474" w:left="1418" w:header="851" w:footer="992" w:gutter="0"/>
      <w:paperSrc w:first="7" w:other="7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80"/>
  <w:drawingGridHorizontalSpacing w:val="12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C40FD"/>
    <w:rsid w:val="000133D4"/>
    <w:rsid w:val="000C40FD"/>
    <w:rsid w:val="001D5E31"/>
    <w:rsid w:val="005B0B92"/>
    <w:rsid w:val="00AB5C63"/>
    <w:rsid w:val="00B2400D"/>
    <w:rsid w:val="00FB4B7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0C40FD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0C40FD"/>
    <w:rPr>
      <w:rFonts w:asciiTheme="majorHAnsi" w:eastAsiaTheme="majorEastAsia" w:hAnsiTheme="majorHAnsi" w:cstheme="majorBidi"/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0C40FD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註解方塊文字 字元"/>
    <w:basedOn w:val="a0"/>
    <w:link w:val="a3"/>
    <w:uiPriority w:val="99"/>
    <w:semiHidden/>
    <w:rsid w:val="000C40FD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B0FFB0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0</Words>
  <Characters>1</Characters>
  <Application>Microsoft Office Word</Application>
  <DocSecurity>0</DocSecurity>
  <Lines>1</Lines>
  <Paragraphs>1</Paragraphs>
  <ScaleCrop>false</ScaleCrop>
  <Company/>
  <LinksUpToDate>false</LinksUpToDate>
  <CharactersWithSpaces>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朱巧安</dc:creator>
  <cp:lastModifiedBy>朱巧安</cp:lastModifiedBy>
  <cp:revision>2</cp:revision>
  <dcterms:created xsi:type="dcterms:W3CDTF">2017-07-14T03:27:00Z</dcterms:created>
  <dcterms:modified xsi:type="dcterms:W3CDTF">2017-07-14T03:27:00Z</dcterms:modified>
</cp:coreProperties>
</file>